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6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中小企業資金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有形固定資産</t>
  </si>
  <si>
    <t>-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1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4670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>
        <v>3084</v>
      </c>
      <c r="V13" s="38"/>
    </row>
    <row r="14" spans="1:24" s="32" customFormat="1" ht="12" customHeight="1" x14ac:dyDescent="0.2">
      <c r="A14" s="26"/>
      <c r="B14" s="33"/>
      <c r="C14" s="34"/>
      <c r="D14" s="34" t="s">
        <v>13</v>
      </c>
      <c r="E14" s="34"/>
      <c r="F14" s="34"/>
      <c r="G14" s="34"/>
      <c r="H14" s="34"/>
      <c r="I14" s="34"/>
      <c r="J14" s="35" t="s">
        <v>14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>
        <v>3084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4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>
        <v>3084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4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4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4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4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4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4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4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4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4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4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4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4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4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4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4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>
        <v>535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4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>
        <v>535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4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>
        <v>535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4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4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4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4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4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4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4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4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4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4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4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4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4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4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4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>
        <v>3618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5539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4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>
        <v>-3604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4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4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4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4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4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4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4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4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4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4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>
        <v>4670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4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4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4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4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4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>
        <v>565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>
        <v>4105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 t="s">
        <v>14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 t="s">
        <v>14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4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4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>
        <v>883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>
        <v>14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4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>
        <v>868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4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4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4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4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4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>
        <v>1935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5553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5553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2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>
        <v>838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>
        <v>142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 t="s">
        <v>14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 t="s">
        <v>14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 t="s">
        <v>14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>
        <v>0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>
        <v>0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4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4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4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>
        <v>142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>
        <v>16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>
        <v>127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>
        <v>696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>
        <v>11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>
        <v>11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 t="s">
        <v>14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4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4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>
        <v>685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4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45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4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45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-793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>
        <v>25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4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4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>
        <v>25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4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4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4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-818</v>
      </c>
      <c r="K49" s="89"/>
      <c r="L49" s="90">
        <v>-818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>
        <v>194</v>
      </c>
      <c r="K50" s="91"/>
      <c r="L50" s="37">
        <v>194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>
        <v>194</v>
      </c>
      <c r="K51" s="91"/>
      <c r="L51" s="37">
        <v>194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4</v>
      </c>
      <c r="K52" s="91"/>
      <c r="L52" s="37" t="s">
        <v>14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4</v>
      </c>
      <c r="K53" s="91"/>
      <c r="L53" s="37" t="s">
        <v>14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4</v>
      </c>
      <c r="K54" s="91"/>
      <c r="L54" s="37" t="s">
        <v>14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4</v>
      </c>
      <c r="K55" s="91"/>
      <c r="L55" s="37" t="s">
        <v>14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4</v>
      </c>
      <c r="K56" s="91"/>
      <c r="L56" s="37" t="s">
        <v>14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4</v>
      </c>
      <c r="K57" s="91"/>
      <c r="L57" s="37" t="s">
        <v>14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>
        <v>194</v>
      </c>
      <c r="K58" s="91"/>
      <c r="L58" s="37">
        <v>194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4</v>
      </c>
      <c r="K59" s="91"/>
      <c r="L59" s="37" t="s">
        <v>14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>
        <v>-624</v>
      </c>
      <c r="K60" s="92"/>
      <c r="L60" s="84">
        <v>-624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-1110</v>
      </c>
      <c r="L61" s="37">
        <v>1110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4</v>
      </c>
      <c r="L62" s="37" t="s">
        <v>14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4</v>
      </c>
      <c r="L63" s="37" t="s">
        <v>14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>
        <v>366</v>
      </c>
      <c r="L64" s="37">
        <v>-366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>
        <v>-1476</v>
      </c>
      <c r="L65" s="37">
        <v>1476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4</v>
      </c>
      <c r="K66" s="94" t="s">
        <v>14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 t="s">
        <v>14</v>
      </c>
      <c r="K67" s="94" t="s">
        <v>14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4</v>
      </c>
      <c r="K68" s="91"/>
      <c r="L68" s="37" t="s">
        <v>14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-624</v>
      </c>
      <c r="K69" s="96">
        <v>-1110</v>
      </c>
      <c r="L69" s="84">
        <v>486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2559</v>
      </c>
      <c r="K70" s="94">
        <v>6648</v>
      </c>
      <c r="L70" s="37">
        <v>-4090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1935</v>
      </c>
      <c r="K71" s="100">
        <v>5539</v>
      </c>
      <c r="L71" s="54">
        <v>-3604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817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>
        <v>121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 t="s">
        <v>14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>
        <v>0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>
        <v>16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>
        <v>105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>
        <v>696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>
        <v>11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4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>
        <v>685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4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219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>
        <v>194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4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4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25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4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4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4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-599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>
        <v>366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4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 t="s">
        <v>14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4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>
        <v>366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>
        <v>1450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4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4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>
        <v>1450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4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4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1084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>
        <v>1033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>
        <v>1033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 t="s">
        <v>14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4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>
        <v>183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>
        <v>183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>
        <v>-850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>
        <v>-365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>
        <v>379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>
        <v>14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4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4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4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>
        <v>14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45Z</dcterms:created>
  <dcterms:modified xsi:type="dcterms:W3CDTF">2024-09-18T08:51:46Z</dcterms:modified>
</cp:coreProperties>
</file>